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tables/table1.xml" ContentType="application/vnd.openxmlformats-officedocument.spreadsheetml.table+xml"/>
  <Override PartName="/xl/tables/table2.xml" ContentType="application/vnd.openxmlformats-officedocument.spreadsheetml.table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5601"/>
  <workbookPr filterPrivacy="1"/>
  <xr:revisionPtr revIDLastSave="141" documentId="8_{91B794C7-4CAF-4DD7-9484-F1D10475AA73}" xr6:coauthVersionLast="47" xr6:coauthVersionMax="47" xr10:uidLastSave="{33A97BCD-621B-4416-9F80-EFC1DE11C0CA}"/>
  <bookViews>
    <workbookView xWindow="28690" yWindow="-1900" windowWidth="29020" windowHeight="17620" xr2:uid="{163189F4-6D84-47E4-90C3-4A1C264020D4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calcChain.xml><?xml version="1.0" encoding="utf-8"?>
<calcChain xmlns="http://schemas.openxmlformats.org/spreadsheetml/2006/main">
  <c r="D13" i="1" l="1"/>
  <c r="J13" i="1"/>
  <c r="K13" i="1"/>
  <c r="L13" i="1"/>
  <c r="K28" i="1"/>
  <c r="J28" i="1"/>
  <c r="H28" i="1"/>
  <c r="I28" i="1"/>
</calcChain>
</file>

<file path=xl/sharedStrings.xml><?xml version="1.0" encoding="utf-8"?>
<sst xmlns="http://schemas.openxmlformats.org/spreadsheetml/2006/main" count="27" uniqueCount="19">
  <si>
    <t xml:space="preserve">Bookingnr </t>
  </si>
  <si>
    <t xml:space="preserve">Antal pax </t>
  </si>
  <si>
    <t>Planlagt hjemkomst</t>
  </si>
  <si>
    <t>Faktisk hjemkomst</t>
  </si>
  <si>
    <t xml:space="preserve">Rejsens pris </t>
  </si>
  <si>
    <t xml:space="preserve">Mistet døgnandel </t>
  </si>
  <si>
    <t xml:space="preserve">Refunderet af underleverandør </t>
  </si>
  <si>
    <t>Refunderet til rejsekunde</t>
  </si>
  <si>
    <t xml:space="preserve">Skabelon til opgørelse af erstatningskrav - Udvidet Ansvarsforsikring </t>
  </si>
  <si>
    <t>Nedenstående felter bedes udfyldt. Tilføj gerne felter om nødvendigt</t>
  </si>
  <si>
    <t>Erstatningskrav til Gouda</t>
  </si>
  <si>
    <t>Angiv venligst jeres dækningsbidrag i %:</t>
  </si>
  <si>
    <t>Faktisk afrejsedato</t>
  </si>
  <si>
    <t xml:space="preserve">Planlagt afrejsedato </t>
  </si>
  <si>
    <t>Ved udbetaling af kompensation til rejsekunde(r)</t>
  </si>
  <si>
    <t xml:space="preserve">Ved meromkostninger pga. leverandørsvigt </t>
  </si>
  <si>
    <t>Oprindelig pris for ydelse</t>
  </si>
  <si>
    <t xml:space="preserve">Udgift til afhjælpning </t>
  </si>
  <si>
    <t>Difference/Erstatningskrav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2">
    <numFmt numFmtId="44" formatCode="_-* #,##0.00\ &quot;kr.&quot;_-;\-* #,##0.00\ &quot;kr.&quot;_-;_-* &quot;-&quot;??\ &quot;kr.&quot;_-;_-@_-"/>
    <numFmt numFmtId="164" formatCode="#,##0.00\ &quot;kr.&quot;"/>
  </numFmts>
  <fonts count="6" x14ac:knownFonts="1">
    <font>
      <sz val="10"/>
      <color theme="1"/>
      <name val="Arial"/>
      <family val="2"/>
    </font>
    <font>
      <sz val="10"/>
      <color theme="1"/>
      <name val="Arial"/>
      <family val="2"/>
    </font>
    <font>
      <b/>
      <sz val="10"/>
      <color theme="1"/>
      <name val="Arial"/>
      <family val="2"/>
    </font>
    <font>
      <sz val="16"/>
      <color theme="1"/>
      <name val="Arial"/>
      <family val="2"/>
    </font>
    <font>
      <i/>
      <sz val="10"/>
      <color theme="1"/>
      <name val="Arial"/>
      <family val="2"/>
    </font>
    <font>
      <b/>
      <sz val="11"/>
      <color theme="1"/>
      <name val="Arial"/>
      <family val="2"/>
    </font>
  </fonts>
  <fills count="4">
    <fill>
      <patternFill patternType="none"/>
    </fill>
    <fill>
      <patternFill patternType="gray125"/>
    </fill>
    <fill>
      <patternFill patternType="solid">
        <fgColor theme="4" tint="0.89999084444715716"/>
        <bgColor indexed="64"/>
      </patternFill>
    </fill>
    <fill>
      <patternFill patternType="solid">
        <fgColor theme="0"/>
        <bgColor indexed="64"/>
      </patternFill>
    </fill>
  </fills>
  <borders count="11">
    <border>
      <left/>
      <right/>
      <top/>
      <bottom/>
      <diagonal/>
    </border>
    <border>
      <left style="thin">
        <color indexed="64"/>
      </left>
      <right/>
      <top style="thin">
        <color indexed="64"/>
      </top>
      <bottom/>
      <diagonal/>
    </border>
    <border>
      <left/>
      <right/>
      <top style="thin">
        <color indexed="64"/>
      </top>
      <bottom/>
      <diagonal/>
    </border>
    <border>
      <left/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/>
      <top/>
      <bottom style="thin">
        <color indexed="64"/>
      </bottom>
      <diagonal/>
    </border>
    <border>
      <left/>
      <right/>
      <top/>
      <bottom style="thin">
        <color indexed="64"/>
      </bottom>
      <diagonal/>
    </border>
    <border>
      <left/>
      <right style="thin">
        <color indexed="64"/>
      </right>
      <top/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2">
    <xf numFmtId="0" fontId="0" fillId="0" borderId="0"/>
    <xf numFmtId="44" fontId="1" fillId="0" borderId="0" applyFont="0" applyFill="0" applyBorder="0" applyAlignment="0" applyProtection="0"/>
  </cellStyleXfs>
  <cellXfs count="27">
    <xf numFmtId="0" fontId="0" fillId="0" borderId="0" xfId="0"/>
    <xf numFmtId="0" fontId="2" fillId="0" borderId="0" xfId="0" applyFont="1"/>
    <xf numFmtId="164" fontId="0" fillId="0" borderId="0" xfId="0" applyNumberFormat="1"/>
    <xf numFmtId="44" fontId="0" fillId="0" borderId="0" xfId="1" applyFont="1"/>
    <xf numFmtId="0" fontId="0" fillId="0" borderId="10" xfId="0" applyBorder="1"/>
    <xf numFmtId="0" fontId="5" fillId="0" borderId="7" xfId="0" applyFont="1" applyBorder="1"/>
    <xf numFmtId="0" fontId="0" fillId="0" borderId="8" xfId="0" applyFont="1" applyBorder="1"/>
    <xf numFmtId="0" fontId="0" fillId="0" borderId="9" xfId="0" applyFont="1" applyBorder="1"/>
    <xf numFmtId="0" fontId="0" fillId="0" borderId="0" xfId="0" applyBorder="1"/>
    <xf numFmtId="44" fontId="1" fillId="0" borderId="0" xfId="0" applyNumberFormat="1" applyFont="1"/>
    <xf numFmtId="164" fontId="1" fillId="0" borderId="0" xfId="0" applyNumberFormat="1" applyFont="1"/>
    <xf numFmtId="164" fontId="0" fillId="0" borderId="0" xfId="1" applyNumberFormat="1" applyFont="1"/>
    <xf numFmtId="0" fontId="4" fillId="3" borderId="7" xfId="0" applyFont="1" applyFill="1" applyBorder="1" applyAlignment="1">
      <alignment horizontal="center" vertical="center"/>
    </xf>
    <xf numFmtId="0" fontId="4" fillId="3" borderId="8" xfId="0" applyFont="1" applyFill="1" applyBorder="1" applyAlignment="1">
      <alignment horizontal="center" vertical="center"/>
    </xf>
    <xf numFmtId="0" fontId="4" fillId="3" borderId="9" xfId="0" applyFont="1" applyFill="1" applyBorder="1" applyAlignment="1">
      <alignment horizontal="center" vertical="center"/>
    </xf>
    <xf numFmtId="0" fontId="3" fillId="2" borderId="1" xfId="0" applyFont="1" applyFill="1" applyBorder="1" applyAlignment="1">
      <alignment horizontal="center" vertical="center"/>
    </xf>
    <xf numFmtId="0" fontId="3" fillId="2" borderId="2" xfId="0" applyFont="1" applyFill="1" applyBorder="1" applyAlignment="1">
      <alignment horizontal="center" vertical="center"/>
    </xf>
    <xf numFmtId="0" fontId="3" fillId="2" borderId="3" xfId="0" applyFont="1" applyFill="1" applyBorder="1" applyAlignment="1">
      <alignment horizontal="center" vertical="center"/>
    </xf>
    <xf numFmtId="0" fontId="3" fillId="2" borderId="4" xfId="0" applyFont="1" applyFill="1" applyBorder="1" applyAlignment="1">
      <alignment horizontal="center" vertical="center"/>
    </xf>
    <xf numFmtId="0" fontId="3" fillId="2" borderId="5" xfId="0" applyFont="1" applyFill="1" applyBorder="1" applyAlignment="1">
      <alignment horizontal="center" vertical="center"/>
    </xf>
    <xf numFmtId="0" fontId="3" fillId="2" borderId="6" xfId="0" applyFont="1" applyFill="1" applyBorder="1" applyAlignment="1">
      <alignment horizontal="center" vertical="center"/>
    </xf>
    <xf numFmtId="0" fontId="5" fillId="0" borderId="7" xfId="0" applyFont="1" applyBorder="1" applyAlignment="1">
      <alignment horizontal="center" vertical="center"/>
    </xf>
    <xf numFmtId="0" fontId="5" fillId="0" borderId="8" xfId="0" applyFont="1" applyBorder="1" applyAlignment="1">
      <alignment horizontal="center" vertical="center"/>
    </xf>
    <xf numFmtId="0" fontId="5" fillId="0" borderId="9" xfId="0" applyFont="1" applyBorder="1" applyAlignment="1">
      <alignment horizontal="center" vertical="center"/>
    </xf>
    <xf numFmtId="0" fontId="5" fillId="0" borderId="1" xfId="0" applyFont="1" applyBorder="1" applyAlignment="1">
      <alignment horizontal="center" vertical="center"/>
    </xf>
    <xf numFmtId="0" fontId="5" fillId="0" borderId="2" xfId="0" applyFont="1" applyBorder="1" applyAlignment="1">
      <alignment horizontal="center" vertical="center"/>
    </xf>
    <xf numFmtId="0" fontId="5" fillId="0" borderId="3" xfId="0" applyFont="1" applyBorder="1" applyAlignment="1">
      <alignment horizontal="center" vertical="center"/>
    </xf>
  </cellXfs>
  <cellStyles count="2">
    <cellStyle name="Normal" xfId="0" builtinId="0"/>
    <cellStyle name="Valuta" xfId="1" builtinId="4"/>
  </cellStyles>
  <dxfs count="19"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  <numFmt numFmtId="164" formatCode="#,##0.00\ &quot;kr.&quot;"/>
    </dxf>
    <dxf>
      <numFmt numFmtId="164" formatCode="#,##0.00\ &quot;kr.&quot;"/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  <numFmt numFmtId="164" formatCode="#,##0.00\ &quot;kr.&quot;"/>
    </dxf>
    <dxf>
      <numFmt numFmtId="164" formatCode="#,##0.00\ &quot;kr.&quot;"/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  <numFmt numFmtId="164" formatCode="#,##0.00\ &quot;kr.&quot;"/>
    </dxf>
    <dxf>
      <numFmt numFmtId="164" formatCode="#,##0.00\ &quot;kr.&quot;"/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  <numFmt numFmtId="164" formatCode="#,##0.00\ &quot;kr.&quot;"/>
    </dxf>
    <dxf>
      <numFmt numFmtId="164" formatCode="#,##0.00\ &quot;kr.&quot;"/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  <numFmt numFmtId="34" formatCode="_-* #,##0.00\ &quot;kr.&quot;_-;\-* #,##0.00\ &quot;kr.&quot;_-;_-* &quot;-&quot;??\ &quot;kr.&quot;_-;_-@_-"/>
    </dxf>
    <dxf>
      <font>
        <b/>
      </font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  <numFmt numFmtId="164" formatCode="#,##0.00\ &quot;kr.&quot;"/>
    </dxf>
    <dxf>
      <numFmt numFmtId="164" formatCode="#,##0.00\ &quot;kr.&quot;"/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  <numFmt numFmtId="164" formatCode="#,##0.00\ &quot;kr.&quot;"/>
    </dxf>
    <dxf>
      <numFmt numFmtId="164" formatCode="#,##0.00\ &quot;kr.&quot;"/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  <numFmt numFmtId="164" formatCode="#,##0.00\ &quot;kr.&quot;"/>
    </dxf>
    <dxf>
      <numFmt numFmtId="164" formatCode="#,##0.00\ &quot;kr.&quot;"/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0"/>
        <color theme="1"/>
        <name val="Arial"/>
        <family val="2"/>
        <scheme val="none"/>
      </font>
    </dxf>
    <dxf>
      <font>
        <b/>
      </font>
    </dxf>
  </dxfs>
  <tableStyles count="1" defaultTableStyle="TableStyleMedium2" defaultPivotStyle="PivotStyleLight16">
    <tableStyle name="Invisible" pivot="0" table="0" count="0" xr9:uid="{A64A75E2-6CDE-4B24-A804-15AC4955E2B7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11</xdr:col>
      <xdr:colOff>361949</xdr:colOff>
      <xdr:row>0</xdr:row>
      <xdr:rowOff>49206</xdr:rowOff>
    </xdr:from>
    <xdr:to>
      <xdr:col>11</xdr:col>
      <xdr:colOff>1724024</xdr:colOff>
      <xdr:row>3</xdr:row>
      <xdr:rowOff>46156</xdr:rowOff>
    </xdr:to>
    <xdr:pic>
      <xdr:nvPicPr>
        <xdr:cNvPr id="5" name="Billede 4">
          <a:extLst>
            <a:ext uri="{FF2B5EF4-FFF2-40B4-BE49-F238E27FC236}">
              <a16:creationId xmlns:a16="http://schemas.microsoft.com/office/drawing/2014/main" id="{60560130-61A5-0475-BA54-7FFEA0E934DA}"/>
            </a:ext>
          </a:extLst>
        </xdr:cNvPr>
        <xdr:cNvPicPr>
          <a:picLocks noChangeAspect="1"/>
        </xdr:cNvPicPr>
      </xdr:nvPicPr>
      <xdr:blipFill rotWithShape="1">
        <a:blip xmlns:r="http://schemas.openxmlformats.org/officeDocument/2006/relationships" r:embed="rId1"/>
        <a:srcRect r="31274"/>
        <a:stretch/>
      </xdr:blipFill>
      <xdr:spPr>
        <a:xfrm>
          <a:off x="12249149" y="49206"/>
          <a:ext cx="1362075" cy="616075"/>
        </a:xfrm>
        <a:prstGeom prst="rect">
          <a:avLst/>
        </a:prstGeom>
      </xdr:spPr>
    </xdr:pic>
    <xdr:clientData/>
  </xdr:twoCellAnchor>
</xdr:wsDr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E67F373F-AA13-4D80-AF0D-2DA5DC6AB4DB}" name="Tabel1" displayName="Tabel1" ref="B7:L13" totalsRowCount="1" headerRowDxfId="18">
  <autoFilter ref="B7:L12" xr:uid="{E67F373F-AA13-4D80-AF0D-2DA5DC6AB4DB}"/>
  <tableColumns count="11">
    <tableColumn id="1" xr3:uid="{E68BF596-6AD6-4148-9E8A-E8DE59AAD485}" name="Bookingnr "/>
    <tableColumn id="2" xr3:uid="{E3F75AF3-121C-407D-858B-4B4DE2CB254B}" name="Antal pax " totalsRowDxfId="17" totalsRowCellStyle="Valuta"/>
    <tableColumn id="3" xr3:uid="{B01658A7-7B2E-47B6-8B0C-06550797CE3A}" name="Rejsens pris " totalsRowFunction="custom" totalsRowDxfId="16" totalsRowCellStyle="Valuta">
      <totalsRowFormula>SUM(Tabel1[[Rejsens pris ]])</totalsRowFormula>
    </tableColumn>
    <tableColumn id="4" xr3:uid="{E256DF81-87E7-4C6E-91E2-73FC9B7E6EC0}" name="Planlagt afrejsedato "/>
    <tableColumn id="11" xr3:uid="{13BE16B3-EFE2-4D79-A6A1-854E47683340}" name="Faktisk afrejsedato"/>
    <tableColumn id="5" xr3:uid="{167FF80C-D7F6-47A5-849A-529E9D74C05A}" name="Planlagt hjemkomst"/>
    <tableColumn id="6" xr3:uid="{3DD29EF0-9B9D-424E-BA86-4EB29A109159}" name="Faktisk hjemkomst"/>
    <tableColumn id="7" xr3:uid="{BCF1ED20-0895-41A9-BDC0-4040EA645A13}" name="Mistet døgnandel "/>
    <tableColumn id="8" xr3:uid="{3AC79DA0-9DDC-424E-BC40-A69351B32B57}" name="Refunderet til rejsekunde" totalsRowFunction="custom" dataDxfId="15" totalsRowDxfId="14" totalsRowCellStyle="Valuta">
      <totalsRowFormula>SUM(Tabel1[Refunderet til rejsekunde])</totalsRowFormula>
    </tableColumn>
    <tableColumn id="9" xr3:uid="{287C6368-E955-48F3-A53D-388DADE86D8A}" name="Refunderet af underleverandør " totalsRowFunction="custom" dataDxfId="13" totalsRowDxfId="12" totalsRowCellStyle="Valuta">
      <totalsRowFormula>SUM(Tabel1[[Refunderet af underleverandør ]])</totalsRowFormula>
    </tableColumn>
    <tableColumn id="10" xr3:uid="{B2FB8464-E9F0-4DC1-BCB3-1E51839C1E58}" name="Erstatningskrav til Gouda" totalsRowFunction="custom" dataDxfId="11" totalsRowDxfId="10" totalsRowCellStyle="Valuta">
      <totalsRowFormula>SUM(Tabel1[Erstatningskrav til Gouda])</totalsRowFormula>
    </tableColumn>
  </tableColumns>
  <tableStyleInfo name="TableStyleLight15" showFirstColumn="0" showLastColumn="0" showRowStripes="1" showColumnStripes="0"/>
</table>
</file>

<file path=xl/tables/table2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2" xr:uid="{4A0AC8A5-1C1A-4316-839E-836208C397EF}" name="Tabel13" displayName="Tabel13" ref="B22:K28" totalsRowCount="1" headerRowDxfId="9">
  <autoFilter ref="B22:K27" xr:uid="{4A0AC8A5-1C1A-4316-839E-836208C397EF}"/>
  <tableColumns count="10">
    <tableColumn id="1" xr3:uid="{93ABDDC3-5A54-4F2F-BD20-1CC11FFDC218}" name="Bookingnr "/>
    <tableColumn id="2" xr3:uid="{08E9699E-EE3B-4AC8-BEC1-769F85646B33}" name="Antal pax " totalsRowDxfId="8"/>
    <tableColumn id="4" xr3:uid="{2DE66B47-F089-4722-AD0C-61E574045F00}" name="Planlagt afrejsedato "/>
    <tableColumn id="11" xr3:uid="{2A3EC689-657D-4A68-8725-3E79F7AF3D02}" name="Faktisk afrejsedato"/>
    <tableColumn id="5" xr3:uid="{01C8AB45-DB78-416E-803D-6D327C797D62}" name="Planlagt hjemkomst"/>
    <tableColumn id="6" xr3:uid="{A682BC7A-8957-4750-9C78-2807A2F75940}" name="Faktisk hjemkomst"/>
    <tableColumn id="7" xr3:uid="{DFCB2239-A605-42F1-B777-D55BEB330DD8}" name="Oprindelig pris for ydelse" totalsRowFunction="custom" dataDxfId="7" totalsRowDxfId="6">
      <totalsRowFormula>SUM(Tabel13[Oprindelig pris for ydelse])</totalsRowFormula>
    </tableColumn>
    <tableColumn id="8" xr3:uid="{F2F2FC26-B6AE-479F-A867-D37B2AC213DC}" name="Udgift til afhjælpning " totalsRowFunction="custom" dataDxfId="5" totalsRowDxfId="4">
      <totalsRowFormula>SUM(Tabel13[[Udgift til afhjælpning ]])</totalsRowFormula>
    </tableColumn>
    <tableColumn id="9" xr3:uid="{AB0E3095-EA55-4077-AF93-170BBE317DEC}" name="Refunderet af underleverandør " totalsRowFunction="custom" dataDxfId="3" totalsRowDxfId="2">
      <totalsRowFormula>SUM(Tabel13[[Refunderet af underleverandør ]])</totalsRowFormula>
    </tableColumn>
    <tableColumn id="10" xr3:uid="{41409F97-E058-43C5-B0DD-3BFF2E2B0A13}" name="Difference/Erstatningskrav" totalsRowFunction="custom" dataDxfId="1" totalsRowDxfId="0">
      <totalsRowFormula>SUM(Tabel13[Difference/Erstatningskrav])</totalsRowFormula>
    </tableColumn>
  </tableColumns>
  <tableStyleInfo name="TableStyleLight15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Gjensidige">
      <a:dk1>
        <a:srgbClr val="000000"/>
      </a:dk1>
      <a:lt1>
        <a:srgbClr val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table" Target="../tables/table1.xml"/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Relationship Id="rId4" Type="http://schemas.openxmlformats.org/officeDocument/2006/relationships/table" Target="../tables/table2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57CA764-5759-4AF8-9D8A-881FA34631FD}">
  <dimension ref="B2:L28"/>
  <sheetViews>
    <sheetView tabSelected="1" zoomScale="80" zoomScaleNormal="80" workbookViewId="0">
      <selection activeCell="L32" sqref="L32"/>
    </sheetView>
  </sheetViews>
  <sheetFormatPr defaultRowHeight="12.5" x14ac:dyDescent="0.25"/>
  <cols>
    <col min="1" max="1" width="2.1796875" customWidth="1"/>
    <col min="2" max="2" width="13.1796875" bestFit="1" customWidth="1"/>
    <col min="3" max="3" width="13.81640625" customWidth="1"/>
    <col min="4" max="4" width="22.81640625" customWidth="1"/>
    <col min="5" max="5" width="23.7265625" customWidth="1"/>
    <col min="6" max="7" width="24.1796875" bestFit="1" customWidth="1"/>
    <col min="8" max="8" width="27" bestFit="1" customWidth="1"/>
    <col min="9" max="9" width="23.7265625" customWidth="1"/>
    <col min="10" max="10" width="34" customWidth="1"/>
    <col min="11" max="11" width="36" bestFit="1" customWidth="1"/>
    <col min="12" max="12" width="29.26953125" bestFit="1" customWidth="1"/>
  </cols>
  <sheetData>
    <row r="2" spans="2:12" ht="18" customHeight="1" x14ac:dyDescent="0.25">
      <c r="B2" s="15" t="s">
        <v>8</v>
      </c>
      <c r="C2" s="16"/>
      <c r="D2" s="16"/>
      <c r="E2" s="16"/>
      <c r="F2" s="16"/>
      <c r="G2" s="16"/>
      <c r="H2" s="16"/>
      <c r="I2" s="16"/>
      <c r="J2" s="16"/>
      <c r="K2" s="16"/>
      <c r="L2" s="17"/>
    </row>
    <row r="3" spans="2:12" ht="18" customHeight="1" x14ac:dyDescent="0.25">
      <c r="B3" s="18"/>
      <c r="C3" s="19"/>
      <c r="D3" s="19"/>
      <c r="E3" s="19"/>
      <c r="F3" s="19"/>
      <c r="G3" s="19"/>
      <c r="H3" s="19"/>
      <c r="I3" s="19"/>
      <c r="J3" s="19"/>
      <c r="K3" s="19"/>
      <c r="L3" s="20"/>
    </row>
    <row r="4" spans="2:12" ht="18" customHeight="1" x14ac:dyDescent="0.25"/>
    <row r="5" spans="2:12" ht="18" customHeight="1" x14ac:dyDescent="0.25">
      <c r="B5" s="21" t="s">
        <v>14</v>
      </c>
      <c r="C5" s="22"/>
      <c r="D5" s="22"/>
      <c r="E5" s="23"/>
    </row>
    <row r="6" spans="2:12" ht="15" customHeight="1" x14ac:dyDescent="0.25">
      <c r="B6" s="12" t="s">
        <v>9</v>
      </c>
      <c r="C6" s="13"/>
      <c r="D6" s="13"/>
      <c r="E6" s="13"/>
      <c r="F6" s="13"/>
      <c r="G6" s="13"/>
      <c r="H6" s="13"/>
      <c r="I6" s="13"/>
      <c r="J6" s="13"/>
      <c r="K6" s="13"/>
      <c r="L6" s="14"/>
    </row>
    <row r="7" spans="2:12" ht="15" customHeight="1" x14ac:dyDescent="0.3">
      <c r="B7" s="1" t="s">
        <v>0</v>
      </c>
      <c r="C7" s="1" t="s">
        <v>1</v>
      </c>
      <c r="D7" s="1" t="s">
        <v>4</v>
      </c>
      <c r="E7" s="1" t="s">
        <v>13</v>
      </c>
      <c r="F7" s="1" t="s">
        <v>12</v>
      </c>
      <c r="G7" s="1" t="s">
        <v>2</v>
      </c>
      <c r="H7" s="1" t="s">
        <v>3</v>
      </c>
      <c r="I7" s="1" t="s">
        <v>5</v>
      </c>
      <c r="J7" s="1" t="s">
        <v>7</v>
      </c>
      <c r="K7" s="1" t="s">
        <v>6</v>
      </c>
      <c r="L7" s="1" t="s">
        <v>10</v>
      </c>
    </row>
    <row r="8" spans="2:12" x14ac:dyDescent="0.25">
      <c r="J8" s="2"/>
      <c r="K8" s="2"/>
      <c r="L8" s="2"/>
    </row>
    <row r="9" spans="2:12" x14ac:dyDescent="0.25">
      <c r="J9" s="2"/>
      <c r="K9" s="2"/>
      <c r="L9" s="2"/>
    </row>
    <row r="10" spans="2:12" x14ac:dyDescent="0.25">
      <c r="J10" s="2"/>
      <c r="K10" s="2"/>
      <c r="L10" s="2"/>
    </row>
    <row r="11" spans="2:12" x14ac:dyDescent="0.25">
      <c r="J11" s="2"/>
      <c r="K11" s="2"/>
      <c r="L11" s="2"/>
    </row>
    <row r="12" spans="2:12" x14ac:dyDescent="0.25">
      <c r="J12" s="2"/>
      <c r="K12" s="2"/>
      <c r="L12" s="2"/>
    </row>
    <row r="13" spans="2:12" x14ac:dyDescent="0.25">
      <c r="C13" s="3"/>
      <c r="D13" s="3">
        <f>SUM(Tabel1[[Rejsens pris ]])</f>
        <v>0</v>
      </c>
      <c r="J13" s="11">
        <f>SUM(Tabel1[Refunderet til rejsekunde])</f>
        <v>0</v>
      </c>
      <c r="K13" s="11">
        <f>SUM(Tabel1[[Refunderet af underleverandør ]])</f>
        <v>0</v>
      </c>
      <c r="L13" s="11">
        <f>SUM(Tabel1[Erstatningskrav til Gouda])</f>
        <v>0</v>
      </c>
    </row>
    <row r="15" spans="2:12" ht="17.25" customHeight="1" x14ac:dyDescent="0.3">
      <c r="B15" s="5" t="s">
        <v>11</v>
      </c>
      <c r="C15" s="6"/>
      <c r="D15" s="7"/>
      <c r="E15" s="4"/>
      <c r="F15" s="8"/>
    </row>
    <row r="20" spans="2:11" ht="14" x14ac:dyDescent="0.25">
      <c r="B20" s="24" t="s">
        <v>15</v>
      </c>
      <c r="C20" s="25"/>
      <c r="D20" s="25"/>
      <c r="E20" s="26"/>
    </row>
    <row r="21" spans="2:11" ht="15.75" customHeight="1" x14ac:dyDescent="0.25">
      <c r="B21" s="12" t="s">
        <v>9</v>
      </c>
      <c r="C21" s="13"/>
      <c r="D21" s="13"/>
      <c r="E21" s="13"/>
      <c r="F21" s="13"/>
      <c r="G21" s="13"/>
      <c r="H21" s="13"/>
      <c r="I21" s="13"/>
      <c r="J21" s="13"/>
      <c r="K21" s="14"/>
    </row>
    <row r="22" spans="2:11" ht="13.5" customHeight="1" x14ac:dyDescent="0.3">
      <c r="B22" s="1" t="s">
        <v>0</v>
      </c>
      <c r="C22" s="1" t="s">
        <v>1</v>
      </c>
      <c r="D22" s="1" t="s">
        <v>13</v>
      </c>
      <c r="E22" s="1" t="s">
        <v>12</v>
      </c>
      <c r="F22" s="1" t="s">
        <v>2</v>
      </c>
      <c r="G22" s="1" t="s">
        <v>3</v>
      </c>
      <c r="H22" s="1" t="s">
        <v>16</v>
      </c>
      <c r="I22" s="1" t="s">
        <v>17</v>
      </c>
      <c r="J22" s="1" t="s">
        <v>6</v>
      </c>
      <c r="K22" s="1" t="s">
        <v>18</v>
      </c>
    </row>
    <row r="23" spans="2:11" x14ac:dyDescent="0.25">
      <c r="H23" s="2"/>
      <c r="I23" s="2"/>
      <c r="J23" s="2"/>
      <c r="K23" s="2"/>
    </row>
    <row r="24" spans="2:11" x14ac:dyDescent="0.25">
      <c r="H24" s="2"/>
      <c r="I24" s="2"/>
      <c r="J24" s="2"/>
      <c r="K24" s="2"/>
    </row>
    <row r="25" spans="2:11" x14ac:dyDescent="0.25">
      <c r="H25" s="2"/>
      <c r="I25" s="2"/>
      <c r="J25" s="2"/>
      <c r="K25" s="2"/>
    </row>
    <row r="26" spans="2:11" x14ac:dyDescent="0.25">
      <c r="H26" s="2"/>
      <c r="I26" s="2"/>
      <c r="J26" s="2"/>
      <c r="K26" s="2"/>
    </row>
    <row r="27" spans="2:11" x14ac:dyDescent="0.25">
      <c r="H27" s="2"/>
      <c r="I27" s="2"/>
      <c r="J27" s="2"/>
      <c r="K27" s="2"/>
    </row>
    <row r="28" spans="2:11" x14ac:dyDescent="0.25">
      <c r="C28" s="9"/>
      <c r="H28" s="10">
        <f>SUM(Tabel13[Oprindelig pris for ydelse])</f>
        <v>0</v>
      </c>
      <c r="I28" s="10">
        <f>SUM(Tabel13[[Udgift til afhjælpning ]])</f>
        <v>0</v>
      </c>
      <c r="J28" s="10">
        <f>SUM(Tabel13[[Refunderet af underleverandør ]])</f>
        <v>0</v>
      </c>
      <c r="K28" s="10">
        <f>SUM(Tabel13[Difference/Erstatningskrav])</f>
        <v>0</v>
      </c>
    </row>
  </sheetData>
  <mergeCells count="5">
    <mergeCell ref="B21:K21"/>
    <mergeCell ref="B2:L3"/>
    <mergeCell ref="B6:L6"/>
    <mergeCell ref="B5:E5"/>
    <mergeCell ref="B20:E20"/>
  </mergeCells>
  <pageMargins left="0.7" right="0.7" top="0.75" bottom="0.75" header="0.3" footer="0.3"/>
  <pageSetup paperSize="9" orientation="portrait" r:id="rId1"/>
  <headerFooter>
    <oddFooter>&amp;L_x000D_&amp;1#&amp;"Calibri"&amp;10&amp;K000000 Classified: General Business</oddFooter>
  </headerFooter>
  <drawing r:id="rId2"/>
  <tableParts count="2">
    <tablePart r:id="rId3"/>
    <tablePart r:id="rId4"/>
  </tablePart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Defaul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3C3FD3F-39FC-47D2-9DD8-D09AA6F649DC}">
  <ds:schemaRefs/>
</ds:datastoreItem>
</file>

<file path=customXml/itemProps2.xml><?xml version="1.0" encoding="utf-8"?>
<ds:datastoreItem xmlns:ds="http://schemas.openxmlformats.org/officeDocument/2006/customXml" ds:itemID="{3CF7EBB3-39EB-4367-A8D9-B2A3C9E252E5}">
  <ds:schemaRefs/>
</ds:datastoreItem>
</file>

<file path=docMetadata/LabelInfo.xml><?xml version="1.0" encoding="utf-8"?>
<clbl:labelList xmlns:clbl="http://schemas.microsoft.com/office/2020/mipLabelMetadata">
  <clbl:label id="{f0e726ee-e78c-4f89-89b8-3dcd0cc07248}" enabled="1" method="Standard" siteId="{80184e22-072c-440e-a8a9-22f52b82646d}" contentBits="2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dcterms:created xsi:type="dcterms:W3CDTF">2023-02-27T09:17:50Z</dcterms:created>
  <dcterms:modified xsi:type="dcterms:W3CDTF">2023-03-20T08:25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gjensidige</vt:lpwstr>
  </property>
  <property fmtid="{D5CDD505-2E9C-101B-9397-08002B2CF9AE}" pid="3" name="TemplafyTemplateId">
    <vt:lpwstr>638047021259906500</vt:lpwstr>
  </property>
  <property fmtid="{D5CDD505-2E9C-101B-9397-08002B2CF9AE}" pid="4" name="TemplafyUserProfileId">
    <vt:lpwstr>63787330898090592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